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988"/>
        <w:gridCol w:w="8028"/>
      </w:tblGrid>
      <w:tr w:rsidR="00344C60" w14:paraId="3B2E4788" w14:textId="77777777" w:rsidTr="00EF44DA">
        <w:tc>
          <w:tcPr>
            <w:tcW w:w="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E454F48" w14:textId="4672C63A" w:rsidR="00344C60" w:rsidRDefault="00602369" w:rsidP="00EF44DA">
            <w:r>
              <w:rPr>
                <w:rFonts w:hint="eastAsia"/>
              </w:rPr>
              <w:t>P</w:t>
            </w:r>
            <w:r>
              <w:t>HW</w:t>
            </w:r>
          </w:p>
        </w:tc>
        <w:tc>
          <w:tcPr>
            <w:tcW w:w="802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3FF7B69" w14:textId="77777777" w:rsidR="00344C60" w:rsidRDefault="00344C60" w:rsidP="00EF44DA">
            <w:r>
              <w:rPr>
                <w:rFonts w:hint="eastAsia"/>
              </w:rPr>
              <w:t>201635811 민우혁</w:t>
            </w:r>
          </w:p>
        </w:tc>
      </w:tr>
    </w:tbl>
    <w:p w14:paraId="44A1E6C2" w14:textId="628CA12C" w:rsidR="004656A1" w:rsidRDefault="000716F9"/>
    <w:tbl>
      <w:tblPr>
        <w:tblStyle w:val="a3"/>
        <w:tblW w:w="0" w:type="auto"/>
        <w:tblLook w:val="04A0" w:firstRow="1" w:lastRow="0" w:firstColumn="1" w:lastColumn="0" w:noHBand="0" w:noVBand="1"/>
      </w:tblPr>
      <w:tblGrid>
        <w:gridCol w:w="9016"/>
      </w:tblGrid>
      <w:tr w:rsidR="00344C60" w14:paraId="3A603537" w14:textId="77777777" w:rsidTr="00344C60">
        <w:tc>
          <w:tcPr>
            <w:tcW w:w="9016" w:type="dxa"/>
          </w:tcPr>
          <w:p w14:paraId="19E3271D" w14:textId="5A4AC9FF" w:rsidR="00344C60" w:rsidRDefault="00344C60">
            <w:proofErr w:type="gramStart"/>
            <w:r>
              <w:rPr>
                <w:rFonts w:hint="eastAsia"/>
              </w:rPr>
              <w:t>P</w:t>
            </w:r>
            <w:r>
              <w:t xml:space="preserve">HW </w:t>
            </w:r>
            <w:r w:rsidR="00663486">
              <w:t xml:space="preserve"> code</w:t>
            </w:r>
            <w:proofErr w:type="gramEnd"/>
          </w:p>
        </w:tc>
      </w:tr>
      <w:tr w:rsidR="00344C60" w14:paraId="77A007DA" w14:textId="77777777" w:rsidTr="00344C60">
        <w:tc>
          <w:tcPr>
            <w:tcW w:w="9016" w:type="dxa"/>
          </w:tcPr>
          <w:p w14:paraId="6893E5AF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model</w:t>
            </w:r>
            <w:proofErr w:type="gramEnd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_selection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train_test_split</w:t>
            </w:r>
            <w:proofErr w:type="spellEnd"/>
          </w:p>
          <w:p w14:paraId="0CDF5BC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tre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DecisionTreeClassifier</w:t>
            </w:r>
            <w:proofErr w:type="spellEnd"/>
          </w:p>
          <w:p w14:paraId="6FD13FD4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linear</w:t>
            </w:r>
            <w:proofErr w:type="gramEnd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_model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LogisticRegression</w:t>
            </w:r>
            <w:proofErr w:type="spellEnd"/>
          </w:p>
          <w:p w14:paraId="498A93F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anda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a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d</w:t>
            </w:r>
          </w:p>
          <w:p w14:paraId="645C2102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numpy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a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np</w:t>
            </w:r>
          </w:p>
          <w:p w14:paraId="3D6B2A3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reprocessing</w:t>
            </w:r>
          </w:p>
          <w:p w14:paraId="534017D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warning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;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warning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filterwarning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ignore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5CDF56F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eabo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a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ns</w:t>
            </w:r>
            <w:proofErr w:type="spellEnd"/>
          </w:p>
          <w:p w14:paraId="7F19177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metrics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accuracy_scor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roc_auc_scor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f1_score</w:t>
            </w:r>
          </w:p>
          <w:p w14:paraId="00A68EE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reprocessing</w:t>
            </w:r>
          </w:p>
          <w:p w14:paraId="10C5A0E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model</w:t>
            </w:r>
            <w:proofErr w:type="gramEnd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_selectio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cross_val_scor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tratifiedKFol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</w:p>
          <w:p w14:paraId="08BB1F2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kf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tratifiedKFold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_split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0DA700F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linear</w:t>
            </w:r>
            <w:proofErr w:type="gramEnd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_model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LogisticRegression</w:t>
            </w:r>
            <w:proofErr w:type="spellEnd"/>
          </w:p>
          <w:p w14:paraId="5ADC9AC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vm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VC</w:t>
            </w:r>
          </w:p>
          <w:p w14:paraId="5C2A5F0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model</w:t>
            </w:r>
            <w:proofErr w:type="gramEnd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_selection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KFold</w:t>
            </w:r>
            <w:proofErr w:type="spellEnd"/>
          </w:p>
          <w:p w14:paraId="608B8D04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model</w:t>
            </w:r>
            <w:proofErr w:type="gramEnd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_selection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cross_val_score</w:t>
            </w:r>
            <w:proofErr w:type="spellEnd"/>
          </w:p>
          <w:p w14:paraId="64ADC29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rom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klea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model</w:t>
            </w:r>
            <w:proofErr w:type="gramEnd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_selection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GridSearchCV</w:t>
            </w:r>
            <w:proofErr w:type="spellEnd"/>
          </w:p>
          <w:p w14:paraId="79102460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mpor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ys</w:t>
            </w:r>
          </w:p>
          <w:p w14:paraId="7B50762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###############</w:t>
            </w:r>
          </w:p>
          <w:p w14:paraId="58D28D90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make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 result table</w:t>
            </w:r>
          </w:p>
          <w:p w14:paraId="208DB8D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sampl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{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Scaler</w:t>
            </w:r>
            <w:proofErr w:type="gram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[</w:t>
            </w:r>
            <w:proofErr w:type="gram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Sample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Encoder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Sample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Model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Sample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Best_para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Sample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Score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[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}</w:t>
            </w:r>
          </w:p>
          <w:p w14:paraId="77F8B65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result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DataFram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sample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1B7733B2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after="240"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br/>
            </w:r>
          </w:p>
          <w:p w14:paraId="4706E74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for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 scale and </w:t>
            </w:r>
            <w:proofErr w:type="spell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encorde</w:t>
            </w:r>
            <w:proofErr w:type="spellEnd"/>
          </w:p>
          <w:p w14:paraId="6EE3E17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cla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reprocessPipeline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: </w:t>
            </w:r>
          </w:p>
          <w:p w14:paraId="374E6FE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de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__init_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_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al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: </w:t>
            </w:r>
          </w:p>
          <w:p w14:paraId="57287FC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super(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PreprocessPipeline, self).__</w:t>
            </w:r>
            <w:proofErr w:type="spell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init</w:t>
            </w:r>
            <w:proofErr w:type="spell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__() </w:t>
            </w:r>
          </w:p>
          <w:p w14:paraId="47BB0DB2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</w:p>
          <w:p w14:paraId="6E095109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</w:p>
          <w:p w14:paraId="7676AB4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for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 each type</w:t>
            </w:r>
          </w:p>
          <w:p w14:paraId="41957093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=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standard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1D0C90A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aler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reprocessing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tandardScaler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) </w:t>
            </w:r>
          </w:p>
          <w:p w14:paraId="0615CA3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elif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=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minmax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0CFC0D6F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aler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reprocessing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MinMaxScaler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) </w:t>
            </w:r>
          </w:p>
          <w:p w14:paraId="3C9C003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elif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=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proofErr w:type="spell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maxabs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47C0195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aler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reprocessing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MaxAbsScaler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) </w:t>
            </w:r>
          </w:p>
          <w:p w14:paraId="2F99DC27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elif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=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robust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3C9F961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aler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reprocessing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RobustScaler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) </w:t>
            </w:r>
          </w:p>
          <w:p w14:paraId="514CD21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el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0B253E0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lastRenderedPageBreak/>
              <w:t>    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rai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ValueError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Supported 'num_process' : 'standard','minmax','maxabs','robust'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  </w:t>
            </w:r>
          </w:p>
          <w:p w14:paraId="2EC9AC2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=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proofErr w:type="spell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onehot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09DDEF39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encoder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reprocessing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OneHotEncoder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par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al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handle_unknow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ignore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 </w:t>
            </w:r>
          </w:p>
          <w:p w14:paraId="222F00C7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elif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=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ordinal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003D8613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encoder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reprocessing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OrdinalEncoder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) </w:t>
            </w:r>
          </w:p>
          <w:p w14:paraId="534D27B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el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51F9AD1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rai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ValueError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Supported 'cat_process' : 'onehot', ordinal'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72730FA4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432C0C2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</w:p>
          <w:p w14:paraId="0BDBEF1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</w:p>
          <w:p w14:paraId="0F702FE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do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 Preprocess</w:t>
            </w:r>
          </w:p>
          <w:p w14:paraId="5DEA95FF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de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: </w:t>
            </w:r>
          </w:p>
          <w:p w14:paraId="0B8932C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cat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select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_dtype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np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objec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.copy() </w:t>
            </w:r>
          </w:p>
          <w:p w14:paraId="296CC4C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num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select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_dtype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exclud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np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objec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.copy() </w:t>
            </w:r>
          </w:p>
          <w:p w14:paraId="4CC67FC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cat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select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_dtype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np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objec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.copy() </w:t>
            </w:r>
          </w:p>
          <w:p w14:paraId="7621D66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num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select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_dtype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exclud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np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objec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.copy() </w:t>
            </w:r>
          </w:p>
          <w:p w14:paraId="0B2C1693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356ACC5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5D2EBFC9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proofErr w:type="gramEnd"/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Categorica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Colums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 :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{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lis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cat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}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65805E1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proofErr w:type="gramEnd"/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Numeric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 Columns :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{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lis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num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}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08A714B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0CD2815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02B84CF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Categorical cols process method :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{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upper()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}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736E0E60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602A66DF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cat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encoder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fit_transform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cat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55B95C7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cat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encoder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transform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cat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431C3650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2C5C7E0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735C43CF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Numeric columns process method :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{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upper()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}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35A257E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num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aler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fit_transform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num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301334E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num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aler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transform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num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6BE2332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5FD21F5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processed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np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concatenat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[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num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cat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axi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-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1B0905E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processe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np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concatenate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[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num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cat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axi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-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</w:t>
            </w:r>
          </w:p>
          <w:p w14:paraId="44352D37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</w:t>
            </w:r>
          </w:p>
          <w:p w14:paraId="471461D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retur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processed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processed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</w:p>
          <w:p w14:paraId="73FA13D3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5BD7719F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do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 process on I want </w:t>
            </w:r>
          </w:p>
          <w:p w14:paraId="732ED73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cla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Auto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:</w:t>
            </w:r>
          </w:p>
          <w:p w14:paraId="6703863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de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__</w:t>
            </w:r>
            <w:proofErr w:type="spell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init</w:t>
            </w:r>
            <w:proofErr w:type="spellEnd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_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_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al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:</w:t>
            </w:r>
          </w:p>
          <w:p w14:paraId="0D40C40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</w:p>
          <w:p w14:paraId="08ACDE12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p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reprocessPipeline</w:t>
            </w:r>
            <w:proofErr w:type="spellEnd"/>
          </w:p>
          <w:p w14:paraId="6ACFFB6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lastRenderedPageBreak/>
              <w:t>       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</w:p>
          <w:p w14:paraId="47EBA3D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</w:t>
            </w:r>
          </w:p>
          <w:p w14:paraId="35F91C4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de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ru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Y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Y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:</w:t>
            </w:r>
          </w:p>
          <w:p w14:paraId="30BF0AA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ethod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[]</w:t>
            </w:r>
          </w:p>
          <w:p w14:paraId="2C08F60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[]</w:t>
            </w:r>
          </w:p>
          <w:p w14:paraId="6ED3FF7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shape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shape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55FCD259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</w:p>
          <w:p w14:paraId="5F1E70E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or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standard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robust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minmax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maxabs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:</w:t>
            </w:r>
          </w:p>
          <w:p w14:paraId="2DDD4BB2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or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proofErr w:type="spell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onehot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ordinal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:</w:t>
            </w:r>
          </w:p>
          <w:p w14:paraId="1DADAAF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</w:t>
            </w:r>
          </w:p>
          <w:p w14:paraId="2A85255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7BA7D"/>
                <w:kern w:val="0"/>
                <w:sz w:val="21"/>
                <w:szCs w:val="21"/>
              </w:rPr>
              <w:t>\n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------------------------------------------------------</w:t>
            </w:r>
            <w:r w:rsidRPr="00613D52">
              <w:rPr>
                <w:rFonts w:ascii="Consolas" w:eastAsia="굴림" w:hAnsi="Consolas" w:cs="굴림"/>
                <w:color w:val="D7BA7D"/>
                <w:kern w:val="0"/>
                <w:sz w:val="21"/>
                <w:szCs w:val="21"/>
              </w:rPr>
              <w:t>\n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50F56ED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proofErr w:type="gramEnd"/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Numeric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 Process :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{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proofErr w:type="spellEnd"/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}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72AAF75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Categorical Process :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{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}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23DFA364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ethod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append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[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)</w:t>
            </w:r>
          </w:p>
          <w:p w14:paraId="558C04A0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779A4B0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ipelin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p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753D7B19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</w:t>
            </w:r>
          </w:p>
          <w:p w14:paraId="52A85E6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processe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processe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ipelin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ocess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203A53B0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78A9383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</w:t>
            </w: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Classifier part</w:t>
            </w:r>
          </w:p>
          <w:p w14:paraId="0EDF69EF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or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odel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proofErr w:type="spell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gini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proofErr w:type="spell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entropy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svc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:</w:t>
            </w:r>
          </w:p>
          <w:p w14:paraId="2BEFAD59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</w:t>
            </w:r>
          </w:p>
          <w:p w14:paraId="24D9F9A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7BA7D"/>
                <w:kern w:val="0"/>
                <w:sz w:val="21"/>
                <w:szCs w:val="21"/>
              </w:rPr>
              <w:t>\</w:t>
            </w:r>
            <w:proofErr w:type="spellStart"/>
            <w:r w:rsidRPr="00613D52">
              <w:rPr>
                <w:rFonts w:ascii="Consolas" w:eastAsia="굴림" w:hAnsi="Consolas" w:cs="굴림"/>
                <w:color w:val="D7BA7D"/>
                <w:kern w:val="0"/>
                <w:sz w:val="21"/>
                <w:szCs w:val="21"/>
              </w:rPr>
              <w:t>n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Classifier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 model: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{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odel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}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594BA96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46AF9D0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odel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=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proofErr w:type="spell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gini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</w:t>
            </w:r>
          </w:p>
          <w:p w14:paraId="5A28EF7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aram_grid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{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proofErr w:type="spell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max_depth</w:t>
            </w:r>
            <w:proofErr w:type="spellEnd"/>
            <w:proofErr w:type="gram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: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[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3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5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7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</w:t>
            </w:r>
          </w:p>
          <w:p w14:paraId="6F785A3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             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min_samples_leaf</w:t>
            </w:r>
            <w:proofErr w:type="gram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[</w:t>
            </w:r>
            <w:proofErr w:type="gramEnd"/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2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3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4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5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6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7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8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9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</w:t>
            </w:r>
          </w:p>
          <w:p w14:paraId="772AA91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             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min_samples_split</w:t>
            </w:r>
            <w:proofErr w:type="gram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[</w:t>
            </w:r>
            <w:proofErr w:type="gramEnd"/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2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3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4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5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6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7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8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9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}</w:t>
            </w:r>
          </w:p>
          <w:p w14:paraId="3AA64DA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lf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DecisionTreeClassifier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18FD8EE2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elif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odel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=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svc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</w:t>
            </w:r>
          </w:p>
          <w:p w14:paraId="525F22B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aram_gri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{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C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[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.00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.0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.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</w:t>
            </w:r>
          </w:p>
          <w:p w14:paraId="26C352D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            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gamma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[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.00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.0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.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0</w:t>
            </w:r>
            <w:proofErr w:type="gramStart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 }</w:t>
            </w:r>
            <w:proofErr w:type="gramEnd"/>
          </w:p>
          <w:p w14:paraId="2E4E012F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lf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VC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0190445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el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</w:t>
            </w:r>
          </w:p>
          <w:p w14:paraId="16997B8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aram_grid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{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proofErr w:type="spell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max_depth</w:t>
            </w:r>
            <w:proofErr w:type="spellEnd"/>
            <w:proofErr w:type="gram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: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[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3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5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7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</w:t>
            </w:r>
          </w:p>
          <w:p w14:paraId="19254C1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             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min_samples_leaf</w:t>
            </w:r>
            <w:proofErr w:type="gram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[</w:t>
            </w:r>
            <w:proofErr w:type="gramEnd"/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2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3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4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5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6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7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8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9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</w:t>
            </w:r>
          </w:p>
          <w:p w14:paraId="46E56729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             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min_samples_split</w:t>
            </w:r>
            <w:proofErr w:type="gram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[</w:t>
            </w:r>
            <w:proofErr w:type="gramEnd"/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2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3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4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5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6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7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8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9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}</w:t>
            </w:r>
          </w:p>
          <w:p w14:paraId="69B36CB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DecisionTreeClassifier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riterio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entropy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235DADE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5BE52419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grid_search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GridSearchCV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aram</w:t>
            </w:r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_gri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v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5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00A6C13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lastRenderedPageBreak/>
              <w:t>            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grid_search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fi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</w:t>
            </w:r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rocesse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Y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184FA85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result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loc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[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le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result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] = [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odel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grid_</w:t>
            </w:r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arch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best</w:t>
            </w:r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_params_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grid_search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best_score_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</w:t>
            </w:r>
          </w:p>
          <w:p w14:paraId="42FAA68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24D3EEA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lf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fi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processed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Y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  </w:t>
            </w:r>
          </w:p>
          <w:p w14:paraId="7177A88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redic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edict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processed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168A1D4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accuracy_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score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Y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redic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4B92614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print(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"Score: ", score1)</w:t>
            </w:r>
          </w:p>
          <w:p w14:paraId="49AB6A0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500FDBC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cross_val_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scor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t_processe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Y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v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kfol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_job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ing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accuracy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0B6F021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2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np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mean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3CB0DB7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print(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"Score with using </w:t>
            </w:r>
            <w:proofErr w:type="spell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kfold</w:t>
            </w:r>
            <w:proofErr w:type="spell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: ", score2)</w:t>
            </w:r>
          </w:p>
          <w:p w14:paraId="67DF4DC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7CB788F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result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loc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[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le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result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] = [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odel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np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aN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,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</w:t>
            </w:r>
          </w:p>
          <w:p w14:paraId="280E0BA7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result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loc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[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le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result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] = [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odel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+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 with kfold</w:t>
            </w:r>
            <w:proofErr w:type="gram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np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a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2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</w:t>
            </w:r>
          </w:p>
          <w:p w14:paraId="3DE1C7D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</w:t>
            </w:r>
          </w:p>
          <w:p w14:paraId="19BBF8C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</w:t>
            </w: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logistic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 Regression part</w:t>
            </w:r>
          </w:p>
          <w:p w14:paraId="5B434E7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for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odel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logistic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:</w:t>
            </w:r>
          </w:p>
          <w:p w14:paraId="4027291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i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l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</w:t>
            </w:r>
          </w:p>
          <w:p w14:paraId="395F3D3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7BA7D"/>
                <w:kern w:val="0"/>
                <w:sz w:val="21"/>
                <w:szCs w:val="21"/>
              </w:rPr>
              <w:t>\</w:t>
            </w:r>
            <w:proofErr w:type="spellStart"/>
            <w:r w:rsidRPr="00613D52">
              <w:rPr>
                <w:rFonts w:ascii="Consolas" w:eastAsia="굴림" w:hAnsi="Consolas" w:cs="굴림"/>
                <w:color w:val="D7BA7D"/>
                <w:kern w:val="0"/>
                <w:sz w:val="21"/>
                <w:szCs w:val="21"/>
              </w:rPr>
              <w:t>n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Regression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 model: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{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odel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}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"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15BCC1E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</w:p>
          <w:p w14:paraId="05684B23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aram_gri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{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C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[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.00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.0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.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</w:t>
            </w:r>
          </w:p>
          <w:p w14:paraId="0D172D5F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             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penalty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 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l1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l2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}</w:t>
            </w:r>
          </w:p>
          <w:p w14:paraId="4D345D1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grid_search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</w:t>
            </w:r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GridSearchCV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LogisticRegressio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)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param_gri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v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5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6CE340EC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grid_search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fi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processed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Y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653E7F37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</w:p>
          <w:p w14:paraId="29A346F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lr = 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LogisticRegression(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).fit(X_processed, Y)</w:t>
            </w:r>
          </w:p>
          <w:p w14:paraId="77E60702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predict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lr.predict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(</w:t>
            </w:r>
            <w:proofErr w:type="spell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Xt_processed</w:t>
            </w:r>
            <w:proofErr w:type="spell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)</w:t>
            </w:r>
          </w:p>
          <w:p w14:paraId="4EA7C80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score = 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round(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accuracy_score(Yt, predict.round())*100, 2)</w:t>
            </w:r>
          </w:p>
          <w:p w14:paraId="15B232A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           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result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loc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[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le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result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] = [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um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cat_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model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grid_</w:t>
            </w:r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arch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best</w:t>
            </w:r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_params_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grid_search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best_score_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</w:t>
            </w:r>
          </w:p>
          <w:p w14:paraId="704CFBC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54646227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       </w:t>
            </w:r>
            <w:r w:rsidRPr="00613D52">
              <w:rPr>
                <w:rFonts w:ascii="Consolas" w:eastAsia="굴림" w:hAnsi="Consolas" w:cs="굴림"/>
                <w:color w:val="C586C0"/>
                <w:kern w:val="0"/>
                <w:sz w:val="21"/>
                <w:szCs w:val="21"/>
              </w:rPr>
              <w:t>return</w:t>
            </w:r>
          </w:p>
          <w:p w14:paraId="2A16500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after="240"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3509F36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kfold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KFold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5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Tru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59CC0A8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after="240"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br/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br/>
            </w:r>
          </w:p>
          <w:p w14:paraId="03BD329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read</w:t>
            </w:r>
            <w:proofErr w:type="gramEnd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_csv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E:\PythonWorkSpace\s2\lab1</w:t>
            </w:r>
            <w:r w:rsidRPr="00613D52">
              <w:rPr>
                <w:rFonts w:ascii="Consolas" w:eastAsia="굴림" w:hAnsi="Consolas" w:cs="굴림"/>
                <w:color w:val="D7BA7D"/>
                <w:kern w:val="0"/>
                <w:sz w:val="21"/>
                <w:szCs w:val="21"/>
              </w:rPr>
              <w:t>\\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breast-cancer-wisconsin.data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ep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,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name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ID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CT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UC Size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UC Shape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MA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SECS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BN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BC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NN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Mitoses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Class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header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Non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0C4A9843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lastRenderedPageBreak/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print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(df)</w:t>
            </w:r>
          </w:p>
          <w:p w14:paraId="24BFE7C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712C9CC7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check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 null</w:t>
            </w:r>
          </w:p>
          <w:p w14:paraId="5787816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isnull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).sum())</w:t>
            </w:r>
          </w:p>
          <w:p w14:paraId="047CBAE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check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 data type</w:t>
            </w:r>
          </w:p>
          <w:p w14:paraId="401B831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dtypes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7A7FF7C4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[</w:t>
            </w:r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BN !=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?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</w:t>
            </w:r>
          </w:p>
          <w:p w14:paraId="1A511D2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astype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{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proofErr w:type="spell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BN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</w:t>
            </w:r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in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})</w:t>
            </w:r>
          </w:p>
          <w:p w14:paraId="34D934AB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#print(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df.dtypes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)</w:t>
            </w:r>
          </w:p>
          <w:p w14:paraId="0BC65E7D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drop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ID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axi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54239722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7469D64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1B4D72D4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Separate </w:t>
            </w:r>
            <w:proofErr w:type="spell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taget</w:t>
            </w:r>
            <w:proofErr w:type="spell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 and feature</w:t>
            </w:r>
          </w:p>
          <w:p w14:paraId="053AE232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4FC1FF"/>
                <w:kern w:val="0"/>
                <w:sz w:val="21"/>
                <w:szCs w:val="21"/>
              </w:rPr>
              <w:t>X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iloc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[:,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: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9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</w:t>
            </w:r>
          </w:p>
          <w:p w14:paraId="3F044DF7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4FC1FF"/>
                <w:kern w:val="0"/>
                <w:sz w:val="21"/>
                <w:szCs w:val="21"/>
              </w:rPr>
              <w:t>Y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df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iloc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[:,[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9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]</w:t>
            </w:r>
          </w:p>
          <w:p w14:paraId="232FC03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4FC1FF"/>
                <w:kern w:val="0"/>
                <w:sz w:val="21"/>
                <w:szCs w:val="21"/>
              </w:rPr>
              <w:t>X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79EED73F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4FC1FF"/>
                <w:kern w:val="0"/>
                <w:sz w:val="21"/>
                <w:szCs w:val="21"/>
              </w:rPr>
              <w:t>Y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5AC48C1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413F201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#</w:t>
            </w:r>
            <w:proofErr w:type="gramStart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split</w:t>
            </w:r>
            <w:proofErr w:type="gramEnd"/>
            <w:r w:rsidRPr="00613D52">
              <w:rPr>
                <w:rFonts w:ascii="Consolas" w:eastAsia="굴림" w:hAnsi="Consolas" w:cs="굴림"/>
                <w:color w:val="6A9955"/>
                <w:kern w:val="0"/>
                <w:sz w:val="21"/>
                <w:szCs w:val="21"/>
              </w:rPr>
              <w:t> train and test</w:t>
            </w:r>
          </w:p>
          <w:p w14:paraId="2DBF65C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trai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tes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Y_trai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Y_tes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train_test_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spli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4FC1FF"/>
                <w:kern w:val="0"/>
                <w:sz w:val="21"/>
                <w:szCs w:val="21"/>
              </w:rPr>
              <w:t>X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4FC1FF"/>
                <w:kern w:val="0"/>
                <w:sz w:val="21"/>
                <w:szCs w:val="21"/>
              </w:rPr>
              <w:t>Y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test_siz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.33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random_stat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22B159F1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after="240"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08D43EA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auto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AutoProcess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verbo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Tru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517561AA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autoproces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run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spellStart"/>
            <w:proofErr w:type="gramEnd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train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Y_train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X_tes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proofErr w:type="spell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Y_test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1F30A967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after="240"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28DF8473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proofErr w:type="spell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pd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set_</w:t>
            </w:r>
            <w:proofErr w:type="gramStart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option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proofErr w:type="gram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proofErr w:type="spellStart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display.max_row</w:t>
            </w:r>
            <w:proofErr w:type="spellEnd"/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10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21E8F3D0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</w:t>
            </w:r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result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sort</w:t>
            </w:r>
            <w:proofErr w:type="gramEnd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_value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by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Score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axi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ascending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al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)</w:t>
            </w:r>
          </w:p>
          <w:p w14:paraId="00DE49B5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y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tdout</w:t>
            </w:r>
            <w:proofErr w:type="spellEnd"/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 = 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open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score result.txt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 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w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</w:t>
            </w:r>
          </w:p>
          <w:p w14:paraId="6ABE61BE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24B8B0AF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print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core_</w:t>
            </w:r>
            <w:proofErr w:type="gramStart"/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result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sort</w:t>
            </w:r>
            <w:proofErr w:type="gramEnd"/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_value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by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[</w:t>
            </w:r>
            <w:r w:rsidRPr="00613D52">
              <w:rPr>
                <w:rFonts w:ascii="Consolas" w:eastAsia="굴림" w:hAnsi="Consolas" w:cs="굴림"/>
                <w:color w:val="CE9178"/>
                <w:kern w:val="0"/>
                <w:sz w:val="21"/>
                <w:szCs w:val="21"/>
              </w:rPr>
              <w:t>'Score'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], 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axi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B5CEA8"/>
                <w:kern w:val="0"/>
                <w:sz w:val="21"/>
                <w:szCs w:val="21"/>
              </w:rPr>
              <w:t>0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,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ascending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=</w:t>
            </w:r>
            <w:r w:rsidRPr="00613D52">
              <w:rPr>
                <w:rFonts w:ascii="Consolas" w:eastAsia="굴림" w:hAnsi="Consolas" w:cs="굴림"/>
                <w:color w:val="569CD6"/>
                <w:kern w:val="0"/>
                <w:sz w:val="21"/>
                <w:szCs w:val="21"/>
              </w:rPr>
              <w:t>False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))</w:t>
            </w:r>
          </w:p>
          <w:p w14:paraId="5C5EF5C6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</w:p>
          <w:p w14:paraId="4207A2B8" w14:textId="77777777" w:rsidR="00613D52" w:rsidRPr="00613D52" w:rsidRDefault="00613D52" w:rsidP="00613D52">
            <w:pPr>
              <w:widowControl/>
              <w:shd w:val="clear" w:color="auto" w:fill="1E1E1E"/>
              <w:wordWrap/>
              <w:autoSpaceDE/>
              <w:autoSpaceDN/>
              <w:spacing w:line="285" w:lineRule="atLeast"/>
              <w:jc w:val="left"/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</w:pPr>
            <w:proofErr w:type="spellStart"/>
            <w:proofErr w:type="gramStart"/>
            <w:r w:rsidRPr="00613D52">
              <w:rPr>
                <w:rFonts w:ascii="Consolas" w:eastAsia="굴림" w:hAnsi="Consolas" w:cs="굴림"/>
                <w:color w:val="4EC9B0"/>
                <w:kern w:val="0"/>
                <w:sz w:val="21"/>
                <w:szCs w:val="21"/>
              </w:rPr>
              <w:t>sys</w:t>
            </w:r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9CDCFE"/>
                <w:kern w:val="0"/>
                <w:sz w:val="21"/>
                <w:szCs w:val="21"/>
              </w:rPr>
              <w:t>stdout</w:t>
            </w:r>
            <w:proofErr w:type="gram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.</w:t>
            </w:r>
            <w:r w:rsidRPr="00613D52">
              <w:rPr>
                <w:rFonts w:ascii="Consolas" w:eastAsia="굴림" w:hAnsi="Consolas" w:cs="굴림"/>
                <w:color w:val="DCDCAA"/>
                <w:kern w:val="0"/>
                <w:sz w:val="21"/>
                <w:szCs w:val="21"/>
              </w:rPr>
              <w:t>close</w:t>
            </w:r>
            <w:proofErr w:type="spellEnd"/>
            <w:r w:rsidRPr="00613D52">
              <w:rPr>
                <w:rFonts w:ascii="Consolas" w:eastAsia="굴림" w:hAnsi="Consolas" w:cs="굴림"/>
                <w:color w:val="D4D4D4"/>
                <w:kern w:val="0"/>
                <w:sz w:val="21"/>
                <w:szCs w:val="21"/>
              </w:rPr>
              <w:t>()</w:t>
            </w:r>
          </w:p>
          <w:p w14:paraId="17E642DE" w14:textId="77777777" w:rsidR="00344C60" w:rsidRPr="001458BA" w:rsidRDefault="00344C60"/>
        </w:tc>
      </w:tr>
      <w:tr w:rsidR="00663486" w14:paraId="69E0E8FD" w14:textId="77777777" w:rsidTr="00344C60">
        <w:tc>
          <w:tcPr>
            <w:tcW w:w="9016" w:type="dxa"/>
          </w:tcPr>
          <w:p w14:paraId="29C0F0C1" w14:textId="4A8BA1ED" w:rsidR="00663486" w:rsidRDefault="00663486" w:rsidP="00663486">
            <w:pPr>
              <w:tabs>
                <w:tab w:val="left" w:pos="3780"/>
              </w:tabs>
              <w:rPr>
                <w:noProof/>
              </w:rPr>
            </w:pPr>
            <w:r>
              <w:rPr>
                <w:noProof/>
              </w:rPr>
              <w:lastRenderedPageBreak/>
              <w:tab/>
              <w:t xml:space="preserve">Result </w:t>
            </w:r>
          </w:p>
        </w:tc>
      </w:tr>
      <w:tr w:rsidR="00344C60" w14:paraId="09CF3C4B" w14:textId="77777777" w:rsidTr="00344C60">
        <w:tc>
          <w:tcPr>
            <w:tcW w:w="9016" w:type="dxa"/>
          </w:tcPr>
          <w:p w14:paraId="3446E4D1" w14:textId="77777777" w:rsidR="00613D52" w:rsidRDefault="00613D52">
            <w:pPr>
              <w:rPr>
                <w:noProof/>
              </w:rPr>
            </w:pPr>
          </w:p>
          <w:p w14:paraId="14B60C21" w14:textId="73B7A47C" w:rsidR="00344C60" w:rsidRDefault="00613D52">
            <w:r>
              <w:rPr>
                <w:noProof/>
              </w:rPr>
              <w:lastRenderedPageBreak/>
              <w:drawing>
                <wp:inline distT="0" distB="0" distL="0" distR="0" wp14:anchorId="672E298C" wp14:editId="70FCCD7A">
                  <wp:extent cx="5731510" cy="6274435"/>
                  <wp:effectExtent l="0" t="0" r="2540" b="0"/>
                  <wp:docPr id="1" name="그림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731510" cy="627443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515A21CB" w14:textId="46DA37EE" w:rsidR="00663486" w:rsidRDefault="00613D52">
            <w:r>
              <w:rPr>
                <w:noProof/>
              </w:rPr>
              <w:lastRenderedPageBreak/>
              <w:drawing>
                <wp:inline distT="0" distB="0" distL="0" distR="0" wp14:anchorId="3CA090AF" wp14:editId="76DB60A3">
                  <wp:extent cx="5731510" cy="4629785"/>
                  <wp:effectExtent l="0" t="0" r="2540" b="0"/>
                  <wp:docPr id="3" name="그림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731510" cy="462978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480FEF46" w14:textId="77777777" w:rsidR="00344C60" w:rsidRDefault="00344C60"/>
    <w:sectPr w:rsidR="00344C60">
      <w:pgSz w:w="11906" w:h="16838"/>
      <w:pgMar w:top="1701" w:right="1440" w:bottom="1440" w:left="1440" w:header="851" w:footer="992" w:gutter="0"/>
      <w:cols w:space="425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BECC977" w14:textId="77777777" w:rsidR="000716F9" w:rsidRDefault="000716F9" w:rsidP="00602369">
      <w:pPr>
        <w:spacing w:after="0" w:line="240" w:lineRule="auto"/>
      </w:pPr>
      <w:r>
        <w:separator/>
      </w:r>
    </w:p>
  </w:endnote>
  <w:endnote w:type="continuationSeparator" w:id="0">
    <w:p w14:paraId="43CF12A1" w14:textId="77777777" w:rsidR="000716F9" w:rsidRDefault="000716F9" w:rsidP="0060236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맑은 고딕">
    <w:panose1 w:val="020B0503020000020004"/>
    <w:charset w:val="81"/>
    <w:family w:val="modern"/>
    <w:pitch w:val="variable"/>
    <w:sig w:usb0="9000002F" w:usb1="29D77CFB" w:usb2="00000012" w:usb3="00000000" w:csb0="0008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굴림">
    <w:altName w:val="Gulim"/>
    <w:panose1 w:val="020B0600000101010101"/>
    <w:charset w:val="81"/>
    <w:family w:val="modern"/>
    <w:pitch w:val="variable"/>
    <w:sig w:usb0="B00002AF" w:usb1="69D77CFB" w:usb2="00000030" w:usb3="00000000" w:csb0="0008009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F8B1657" w14:textId="77777777" w:rsidR="000716F9" w:rsidRDefault="000716F9" w:rsidP="00602369">
      <w:pPr>
        <w:spacing w:after="0" w:line="240" w:lineRule="auto"/>
      </w:pPr>
      <w:r>
        <w:separator/>
      </w:r>
    </w:p>
  </w:footnote>
  <w:footnote w:type="continuationSeparator" w:id="0">
    <w:p w14:paraId="165F3E79" w14:textId="77777777" w:rsidR="000716F9" w:rsidRDefault="000716F9" w:rsidP="00602369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bordersDoNotSurroundHeader/>
  <w:bordersDoNotSurroundFooter/>
  <w:proofState w:spelling="clean" w:grammar="clean"/>
  <w:defaultTabStop w:val="800"/>
  <w:displayHorizontalDrawingGridEvery w:val="0"/>
  <w:displayVerticalDrawingGridEvery w:val="2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44C60"/>
    <w:rsid w:val="00030C2D"/>
    <w:rsid w:val="000716F9"/>
    <w:rsid w:val="001458BA"/>
    <w:rsid w:val="00344C60"/>
    <w:rsid w:val="005E5564"/>
    <w:rsid w:val="00602369"/>
    <w:rsid w:val="00613D52"/>
    <w:rsid w:val="00663486"/>
    <w:rsid w:val="006C261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ko-K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3638E7BF"/>
  <w15:chartTrackingRefBased/>
  <w15:docId w15:val="{4B0DE62C-F95B-45C2-8F6C-9F5BFE4D466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kern w:val="2"/>
        <w:szCs w:val="22"/>
        <w:lang w:val="en-US" w:eastAsia="ko-KR" w:bidi="ar-SA"/>
      </w:rPr>
    </w:rPrDefault>
    <w:pPrDefault>
      <w:pPr>
        <w:spacing w:after="160" w:line="259" w:lineRule="auto"/>
        <w:jc w:val="both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344C60"/>
    <w:pPr>
      <w:widowControl w:val="0"/>
      <w:wordWrap w:val="0"/>
      <w:autoSpaceDE w:val="0"/>
      <w:autoSpaceDN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rsid w:val="00344C60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4">
    <w:name w:val="header"/>
    <w:basedOn w:val="a"/>
    <w:link w:val="Char"/>
    <w:uiPriority w:val="99"/>
    <w:unhideWhenUsed/>
    <w:rsid w:val="00602369"/>
    <w:pPr>
      <w:tabs>
        <w:tab w:val="center" w:pos="4513"/>
        <w:tab w:val="right" w:pos="9026"/>
      </w:tabs>
      <w:snapToGrid w:val="0"/>
    </w:pPr>
  </w:style>
  <w:style w:type="character" w:customStyle="1" w:styleId="Char">
    <w:name w:val="머리글 Char"/>
    <w:basedOn w:val="a0"/>
    <w:link w:val="a4"/>
    <w:uiPriority w:val="99"/>
    <w:rsid w:val="00602369"/>
  </w:style>
  <w:style w:type="paragraph" w:styleId="a5">
    <w:name w:val="footer"/>
    <w:basedOn w:val="a"/>
    <w:link w:val="Char0"/>
    <w:uiPriority w:val="99"/>
    <w:unhideWhenUsed/>
    <w:rsid w:val="00602369"/>
    <w:pPr>
      <w:tabs>
        <w:tab w:val="center" w:pos="4513"/>
        <w:tab w:val="right" w:pos="9026"/>
      </w:tabs>
      <w:snapToGrid w:val="0"/>
    </w:pPr>
  </w:style>
  <w:style w:type="character" w:customStyle="1" w:styleId="Char0">
    <w:name w:val="바닥글 Char"/>
    <w:basedOn w:val="a0"/>
    <w:link w:val="a5"/>
    <w:uiPriority w:val="99"/>
    <w:rsid w:val="00602369"/>
  </w:style>
  <w:style w:type="paragraph" w:customStyle="1" w:styleId="msonormal0">
    <w:name w:val="msonormal"/>
    <w:basedOn w:val="a"/>
    <w:rsid w:val="00613D52"/>
    <w:pPr>
      <w:widowControl/>
      <w:wordWrap/>
      <w:autoSpaceDE/>
      <w:autoSpaceDN/>
      <w:spacing w:before="100" w:beforeAutospacing="1" w:after="100" w:afterAutospacing="1" w:line="240" w:lineRule="auto"/>
      <w:jc w:val="left"/>
    </w:pPr>
    <w:rPr>
      <w:rFonts w:ascii="굴림" w:eastAsia="굴림" w:hAnsi="굴림" w:cs="굴림"/>
      <w:kern w:val="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98469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508475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519557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64070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97323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51276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98136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17182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20398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54332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8103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66102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18656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45807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39410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66138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81539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510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61758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18042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91304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52092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2816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71302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28182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72233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50320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38325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23984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38248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56703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42079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53975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14986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2937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22499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44181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32130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27538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93507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20591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10300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7376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7887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0435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12495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30782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24836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92004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49701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70031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67403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65748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4594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71080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6828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68456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55110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029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45623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44810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55260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83124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93811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49855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62197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64272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09997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96937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79255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8952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96468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4583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98284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29279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19763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1064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23599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12172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22538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2881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99242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36503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16020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97971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12990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84254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3414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3740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9594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73837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73247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41409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15889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91387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50407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33264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55950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17902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00472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69952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50057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98938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95967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89203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78628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95299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3315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63291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09258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07680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46018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9167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92026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92857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44039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18043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97544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43431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12445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98820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14452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8820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90723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546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73706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78739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79876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230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75954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46722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58651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02865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67732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30977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6970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63623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58138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53864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178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82073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14721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35573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025259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069826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17350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98653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98105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14714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3043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64500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48283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01591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79219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67767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6318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56681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7887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20554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20894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07874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5959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14955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26502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70211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6720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54560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1693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49717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42587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14392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0286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12192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48124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42136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8212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09031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93157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61649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22098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59909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4613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52436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13852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60390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04947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90861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51405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00722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968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3951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49827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6788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69370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37751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9365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22765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23167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15700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7936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59340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50554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89712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32125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51422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12703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85493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24388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49902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60666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02134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19142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57100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64783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14123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19233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6320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13723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74251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25818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57927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22915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94804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18779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99694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76708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76166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9931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53158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59439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74218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03204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16312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08309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85962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15184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55766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79781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62918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7006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44852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05562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6486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01681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54089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57526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57652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78302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90694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5868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35872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08413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42192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69510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85194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25960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88705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2287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1278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37182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47078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57241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50139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29817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37336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81883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73236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2128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26676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92814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9659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7460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42609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10390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80472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91654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96577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05031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58622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0079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69678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98774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82134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45503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50260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04917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8978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35966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48159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83642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94972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96280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5095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42217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69993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18414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06391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88218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915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99838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33285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85905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27039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5176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03730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17660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067946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3881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761993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21432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2536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8432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50552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82235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5552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22647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94293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06392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24426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89364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3404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1964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70051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24454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85828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94855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12091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00623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40561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58618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10387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7388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59654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30518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3157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70501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56247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2148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38763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55625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576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3881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65925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5987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34211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81403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25793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51918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9203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54121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53494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48055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64510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49335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95626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55526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86330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04584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01775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74186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67931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32950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56952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4233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62395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59834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71885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39092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25611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58684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21556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6485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19232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46697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14247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19094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1152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80166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82439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18524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0728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10886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24396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41125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73365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34374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92425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74173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52330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8040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90917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6102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84724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04668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03255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85769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61585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96950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19723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41519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87679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10980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41857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31451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9689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16084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97267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15685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32871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48229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97776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90980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95503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1738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71878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25343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04796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67363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07851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5695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1743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15602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85418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63194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93947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22791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92149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2040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01288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18089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16838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51635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99767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48260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60682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94898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37956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30697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image" Target="media/image2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endnotes" Target="endnotes.xml"/><Relationship Id="rId4" Type="http://schemas.openxmlformats.org/officeDocument/2006/relationships/footnotes" Target="footnote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테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맑은 고딕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맑은 고딕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8</TotalTime>
  <Pages>7</Pages>
  <Words>1173</Words>
  <Characters>6688</Characters>
  <Application>Microsoft Office Word</Application>
  <DocSecurity>0</DocSecurity>
  <Lines>55</Lines>
  <Paragraphs>15</Paragraphs>
  <ScaleCrop>false</ScaleCrop>
  <HeadingPairs>
    <vt:vector size="2" baseType="variant">
      <vt:variant>
        <vt:lpstr>제목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84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민우혁</dc:creator>
  <cp:keywords/>
  <dc:description/>
  <cp:lastModifiedBy>민우혁</cp:lastModifiedBy>
  <cp:revision>3</cp:revision>
  <dcterms:created xsi:type="dcterms:W3CDTF">2021-09-28T03:52:00Z</dcterms:created>
  <dcterms:modified xsi:type="dcterms:W3CDTF">2021-09-29T08:25:00Z</dcterms:modified>
</cp:coreProperties>
</file>